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A3FAE" w:rsidRDefault="00D8727F">
      <w:r>
        <w:rPr>
          <w:noProof/>
        </w:rPr>
        <w:drawing>
          <wp:anchor distT="0" distB="0" distL="114300" distR="114300" simplePos="0" relativeHeight="251658240" behindDoc="0" locked="0" layoutInCell="1" allowOverlap="1" wp14:anchorId="56A2AA53" wp14:editId="396D1CDA">
            <wp:simplePos x="0" y="0"/>
            <wp:positionH relativeFrom="margin">
              <wp:align>center</wp:align>
            </wp:positionH>
            <wp:positionV relativeFrom="margin">
              <wp:align>center</wp:align>
            </wp:positionV>
            <wp:extent cx="8006080" cy="7031355"/>
            <wp:effectExtent l="0" t="0" r="0" b="0"/>
            <wp:wrapSquare wrapText="bothSides"/>
            <wp:docPr id="2" name="Picture 2" descr="C:\Users\s131752\Google Drive\2014-2015 Verkenners\Zomerkamp\Programmas\Levend Kolonisten van Catan\logos\noun_53275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1752\Google Drive\2014-2015 Verkenners\Zomerkamp\Programmas\Levend Kolonisten van Catan\logos\noun_53275_cc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006080" cy="70313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A3FAE">
        <w:br w:type="page"/>
      </w:r>
    </w:p>
    <w:tbl>
      <w:tblPr>
        <w:tblStyle w:val="TableGrid"/>
        <w:tblW w:w="10548" w:type="dxa"/>
        <w:jc w:val="center"/>
        <w:tblLook w:val="04A0" w:firstRow="1" w:lastRow="0" w:firstColumn="1" w:lastColumn="0" w:noHBand="0" w:noVBand="1"/>
      </w:tblPr>
      <w:tblGrid>
        <w:gridCol w:w="3519"/>
        <w:gridCol w:w="3519"/>
        <w:gridCol w:w="3519"/>
      </w:tblGrid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lastRenderedPageBreak/>
              <w:drawing>
                <wp:inline distT="0" distB="0" distL="0" distR="0" wp14:anchorId="2A33A8B4" wp14:editId="1ADBD7A3">
                  <wp:extent cx="2097970" cy="1839432"/>
                  <wp:effectExtent l="0" t="0" r="0" b="0"/>
                  <wp:docPr id="3" name="Picture 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EEC3E4F" wp14:editId="481F6272">
                  <wp:extent cx="2097970" cy="1839432"/>
                  <wp:effectExtent l="0" t="0" r="0" b="0"/>
                  <wp:docPr id="17" name="Picture 1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77109217" wp14:editId="51C18506">
                  <wp:extent cx="2097970" cy="1839432"/>
                  <wp:effectExtent l="0" t="0" r="0" b="0"/>
                  <wp:docPr id="18" name="Picture 1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08191D03" wp14:editId="467AA9CC">
                  <wp:extent cx="2097970" cy="1839432"/>
                  <wp:effectExtent l="0" t="0" r="0" b="0"/>
                  <wp:docPr id="19" name="Picture 1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AD0C94E" wp14:editId="66C79923">
                  <wp:extent cx="2097970" cy="1839432"/>
                  <wp:effectExtent l="0" t="0" r="0" b="0"/>
                  <wp:docPr id="25" name="Picture 2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124AD1D3" wp14:editId="5B6033AA">
                  <wp:extent cx="2097970" cy="1839432"/>
                  <wp:effectExtent l="0" t="0" r="0" b="0"/>
                  <wp:docPr id="36" name="Picture 3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14AADA73" wp14:editId="798B3182">
                  <wp:extent cx="2097970" cy="1839432"/>
                  <wp:effectExtent l="0" t="0" r="0" b="0"/>
                  <wp:docPr id="20" name="Picture 2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BF75038" wp14:editId="09CD6843">
                  <wp:extent cx="2097970" cy="1839432"/>
                  <wp:effectExtent l="0" t="0" r="0" b="0"/>
                  <wp:docPr id="26" name="Picture 2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282585D1" wp14:editId="428B7499">
                  <wp:extent cx="2097970" cy="1839432"/>
                  <wp:effectExtent l="0" t="0" r="0" b="0"/>
                  <wp:docPr id="35" name="Picture 3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7B04EAF8" wp14:editId="06B720B0">
                  <wp:extent cx="2097970" cy="1839432"/>
                  <wp:effectExtent l="0" t="0" r="0" b="0"/>
                  <wp:docPr id="21" name="Picture 2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A6DA554" wp14:editId="1B6C537F">
                  <wp:extent cx="2097970" cy="1839432"/>
                  <wp:effectExtent l="0" t="0" r="0" b="0"/>
                  <wp:docPr id="27" name="Picture 2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25CBE9A8" wp14:editId="1ACFA68E">
                  <wp:extent cx="2097970" cy="1839432"/>
                  <wp:effectExtent l="0" t="0" r="0" b="0"/>
                  <wp:docPr id="34" name="Picture 3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2B3544DE" wp14:editId="359FC3BA">
                  <wp:extent cx="2097970" cy="1839432"/>
                  <wp:effectExtent l="0" t="0" r="0" b="0"/>
                  <wp:docPr id="22" name="Picture 2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D24908F" wp14:editId="0ECA9D90">
                  <wp:extent cx="2097970" cy="1839432"/>
                  <wp:effectExtent l="0" t="0" r="0" b="0"/>
                  <wp:docPr id="28" name="Picture 2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0E0B481A" wp14:editId="61D9B60E">
                  <wp:extent cx="2097970" cy="1839432"/>
                  <wp:effectExtent l="0" t="0" r="0" b="0"/>
                  <wp:docPr id="33" name="Picture 3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lastRenderedPageBreak/>
              <w:drawing>
                <wp:inline distT="0" distB="0" distL="0" distR="0" wp14:anchorId="782A2228" wp14:editId="036D4807">
                  <wp:extent cx="2097970" cy="1839432"/>
                  <wp:effectExtent l="0" t="0" r="0" b="0"/>
                  <wp:docPr id="23" name="Picture 2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270F2D0" wp14:editId="121FC6DE">
                  <wp:extent cx="2097970" cy="1839432"/>
                  <wp:effectExtent l="0" t="0" r="0" b="0"/>
                  <wp:docPr id="29" name="Picture 2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681CFA0E" wp14:editId="3AB1C8E6">
                  <wp:extent cx="2097970" cy="1839432"/>
                  <wp:effectExtent l="0" t="0" r="0" b="0"/>
                  <wp:docPr id="32" name="Picture 3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5174E2EA" wp14:editId="0C32102A">
                  <wp:extent cx="2097970" cy="1839432"/>
                  <wp:effectExtent l="0" t="0" r="0" b="0"/>
                  <wp:docPr id="24" name="Picture 2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7A2D6F9" wp14:editId="3D1E05BE">
                  <wp:extent cx="2097970" cy="1839432"/>
                  <wp:effectExtent l="0" t="0" r="0" b="0"/>
                  <wp:docPr id="30" name="Picture 3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43CF2A75" wp14:editId="7D9C9B93">
                  <wp:extent cx="2097970" cy="1839432"/>
                  <wp:effectExtent l="0" t="0" r="0" b="0"/>
                  <wp:docPr id="31" name="Picture 3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C0944C5" wp14:editId="0AA028D7">
                  <wp:extent cx="2097970" cy="1839432"/>
                  <wp:effectExtent l="0" t="0" r="0" b="0"/>
                  <wp:docPr id="37" name="Picture 3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D4B698B" wp14:editId="111CBE22">
                  <wp:extent cx="2097970" cy="1839432"/>
                  <wp:effectExtent l="0" t="0" r="0" b="0"/>
                  <wp:docPr id="38" name="Picture 3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6B6E084" wp14:editId="00CFEA58">
                  <wp:extent cx="2097970" cy="1839432"/>
                  <wp:effectExtent l="0" t="0" r="0" b="0"/>
                  <wp:docPr id="39" name="Picture 3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35DE2E6" wp14:editId="03D65C7D">
                  <wp:extent cx="2097970" cy="1839432"/>
                  <wp:effectExtent l="0" t="0" r="0" b="0"/>
                  <wp:docPr id="40" name="Picture 4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1A6D890" wp14:editId="08CEEC26">
                  <wp:extent cx="2097970" cy="1839432"/>
                  <wp:effectExtent l="0" t="0" r="0" b="0"/>
                  <wp:docPr id="41" name="Picture 4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5462D7F" wp14:editId="704C23BF">
                  <wp:extent cx="2097970" cy="1839432"/>
                  <wp:effectExtent l="0" t="0" r="0" b="0"/>
                  <wp:docPr id="42" name="Picture 4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307BB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4044296" wp14:editId="227B330F">
                  <wp:extent cx="2097970" cy="1839432"/>
                  <wp:effectExtent l="0" t="0" r="0" b="0"/>
                  <wp:docPr id="43" name="Picture 4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B62939F" wp14:editId="3FC63E69">
                  <wp:extent cx="2097970" cy="1839432"/>
                  <wp:effectExtent l="0" t="0" r="0" b="0"/>
                  <wp:docPr id="44" name="Picture 4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3552188" wp14:editId="63F41AA6">
                  <wp:extent cx="2097970" cy="1839432"/>
                  <wp:effectExtent l="0" t="0" r="0" b="0"/>
                  <wp:docPr id="45" name="Picture 4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26AF2DA5" wp14:editId="2976D687">
                  <wp:extent cx="2097970" cy="1839432"/>
                  <wp:effectExtent l="0" t="0" r="0" b="0"/>
                  <wp:docPr id="46" name="Picture 4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F10CCBD" wp14:editId="528B4461">
                  <wp:extent cx="2097970" cy="1839432"/>
                  <wp:effectExtent l="0" t="0" r="0" b="0"/>
                  <wp:docPr id="47" name="Picture 4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3CB0F49" wp14:editId="60163963">
                  <wp:extent cx="2097970" cy="1839432"/>
                  <wp:effectExtent l="0" t="0" r="0" b="0"/>
                  <wp:docPr id="48" name="Picture 4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FA46AF3" wp14:editId="71A7B9E6">
                  <wp:extent cx="2097970" cy="1839432"/>
                  <wp:effectExtent l="0" t="0" r="0" b="0"/>
                  <wp:docPr id="49" name="Picture 4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A93B3A6" wp14:editId="1F5FD454">
                  <wp:extent cx="2097970" cy="1839432"/>
                  <wp:effectExtent l="0" t="0" r="0" b="0"/>
                  <wp:docPr id="50" name="Picture 5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A615902" wp14:editId="43A067EF">
                  <wp:extent cx="2097970" cy="1839432"/>
                  <wp:effectExtent l="0" t="0" r="0" b="0"/>
                  <wp:docPr id="51" name="Picture 5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BC01D3A" wp14:editId="142E3F5F">
                  <wp:extent cx="2097970" cy="1839432"/>
                  <wp:effectExtent l="0" t="0" r="0" b="0"/>
                  <wp:docPr id="52" name="Picture 5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D41D862" wp14:editId="7216FC45">
                  <wp:extent cx="2097970" cy="1839432"/>
                  <wp:effectExtent l="0" t="0" r="0" b="0"/>
                  <wp:docPr id="53" name="Picture 5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6D8C6A5" wp14:editId="75499136">
                  <wp:extent cx="2097970" cy="1839432"/>
                  <wp:effectExtent l="0" t="0" r="0" b="0"/>
                  <wp:docPr id="54" name="Picture 5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254CCC4" wp14:editId="2A403054">
                  <wp:extent cx="2097970" cy="1839432"/>
                  <wp:effectExtent l="0" t="0" r="0" b="0"/>
                  <wp:docPr id="55" name="Picture 5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B8AD809" wp14:editId="188EC317">
                  <wp:extent cx="2097970" cy="1839432"/>
                  <wp:effectExtent l="0" t="0" r="0" b="0"/>
                  <wp:docPr id="56" name="Picture 5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7DEF989" wp14:editId="0017CEBF">
                  <wp:extent cx="2097970" cy="1839432"/>
                  <wp:effectExtent l="0" t="0" r="0" b="0"/>
                  <wp:docPr id="57" name="Picture 5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C631DED" wp14:editId="717FCAD6">
                  <wp:extent cx="2097970" cy="1839432"/>
                  <wp:effectExtent l="0" t="0" r="0" b="0"/>
                  <wp:docPr id="58" name="Picture 5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307BBC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1944000" cy="1699858"/>
                  <wp:effectExtent l="0" t="0" r="0" b="0"/>
                  <wp:docPr id="4" name="Picture 4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5" name="Picture 5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8727F" w:rsidRDefault="00D8727F"/>
    <w:p w:rsidR="00D8727F" w:rsidRDefault="00D8727F">
      <w:r>
        <w:br w:type="page"/>
      </w:r>
    </w:p>
    <w:p w:rsidR="00D8727F" w:rsidRDefault="00D8727F">
      <w:r>
        <w:rPr>
          <w:noProof/>
        </w:rPr>
        <w:lastRenderedPageBreak/>
        <w:drawing>
          <wp:anchor distT="0" distB="0" distL="114300" distR="114300" simplePos="0" relativeHeight="251659264" behindDoc="0" locked="0" layoutInCell="1" allowOverlap="1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7920990" cy="6944995"/>
            <wp:effectExtent l="0" t="0" r="0" b="0"/>
            <wp:wrapSquare wrapText="bothSides"/>
            <wp:docPr id="106" name="Picture 106" descr="C:\Users\s131752\Google Drive\2014-2015 Verkenners\Zomerkamp\Programmas\Levend Kolonisten van Catan\logos\noun_53279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31752\Google Drive\2014-2015 Verkenners\Zomerkamp\Programmas\Levend Kolonisten van Catan\logos\noun_53279_cc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922682" cy="69462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10944" w:type="dxa"/>
        <w:jc w:val="center"/>
        <w:tblLook w:val="04A0" w:firstRow="1" w:lastRow="0" w:firstColumn="1" w:lastColumn="0" w:noHBand="0" w:noVBand="1"/>
      </w:tblPr>
      <w:tblGrid>
        <w:gridCol w:w="3648"/>
        <w:gridCol w:w="3648"/>
        <w:gridCol w:w="3648"/>
      </w:tblGrid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lastRenderedPageBreak/>
              <w:drawing>
                <wp:inline distT="0" distB="0" distL="0" distR="0" wp14:anchorId="5BD96D58" wp14:editId="3F44C068">
                  <wp:extent cx="2179674" cy="1911069"/>
                  <wp:effectExtent l="0" t="0" r="0" b="0"/>
                  <wp:docPr id="61" name="Picture 6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4B961DC9" wp14:editId="59019736">
                  <wp:extent cx="2179674" cy="1911069"/>
                  <wp:effectExtent l="0" t="0" r="0" b="0"/>
                  <wp:docPr id="62" name="Picture 6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D12E1BD" wp14:editId="486AD172">
                  <wp:extent cx="2179674" cy="1911069"/>
                  <wp:effectExtent l="0" t="0" r="0" b="0"/>
                  <wp:docPr id="63" name="Picture 6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8963B89" wp14:editId="1676E42B">
                  <wp:extent cx="2179674" cy="1911069"/>
                  <wp:effectExtent l="0" t="0" r="0" b="0"/>
                  <wp:docPr id="64" name="Picture 6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A1C0096" wp14:editId="4F4F78D2">
                  <wp:extent cx="2179674" cy="1911069"/>
                  <wp:effectExtent l="0" t="0" r="0" b="0"/>
                  <wp:docPr id="65" name="Picture 6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36DAF392" wp14:editId="08BEF55E">
                  <wp:extent cx="2179674" cy="1911069"/>
                  <wp:effectExtent l="0" t="0" r="0" b="0"/>
                  <wp:docPr id="66" name="Picture 6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8CA48ED" wp14:editId="335CAD6D">
                  <wp:extent cx="2179674" cy="1911069"/>
                  <wp:effectExtent l="0" t="0" r="0" b="0"/>
                  <wp:docPr id="67" name="Picture 6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575F5B5" wp14:editId="195FE2B2">
                  <wp:extent cx="2179674" cy="1911069"/>
                  <wp:effectExtent l="0" t="0" r="0" b="0"/>
                  <wp:docPr id="68" name="Picture 6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E887426" wp14:editId="23DC9319">
                  <wp:extent cx="2179674" cy="1911069"/>
                  <wp:effectExtent l="0" t="0" r="0" b="0"/>
                  <wp:docPr id="69" name="Picture 6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89C2968" wp14:editId="09ED4484">
                  <wp:extent cx="2179674" cy="1911069"/>
                  <wp:effectExtent l="0" t="0" r="0" b="0"/>
                  <wp:docPr id="70" name="Picture 7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E6A253C" wp14:editId="79237238">
                  <wp:extent cx="2179674" cy="1911069"/>
                  <wp:effectExtent l="0" t="0" r="0" b="0"/>
                  <wp:docPr id="71" name="Picture 7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FE1BF1C" wp14:editId="726D7D3F">
                  <wp:extent cx="2179674" cy="1911069"/>
                  <wp:effectExtent l="0" t="0" r="0" b="0"/>
                  <wp:docPr id="72" name="Picture 7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B6800E6" wp14:editId="2FF73D17">
                  <wp:extent cx="2179674" cy="1911069"/>
                  <wp:effectExtent l="0" t="0" r="0" b="0"/>
                  <wp:docPr id="73" name="Picture 7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3AEF6469" wp14:editId="0CEBEDCF">
                  <wp:extent cx="2179674" cy="1911069"/>
                  <wp:effectExtent l="0" t="0" r="0" b="0"/>
                  <wp:docPr id="74" name="Picture 7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20ED39F" wp14:editId="1DD96829">
                  <wp:extent cx="2179674" cy="1911069"/>
                  <wp:effectExtent l="0" t="0" r="0" b="0"/>
                  <wp:docPr id="75" name="Picture 7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049E9629" wp14:editId="52F35399">
                  <wp:extent cx="2179674" cy="1911069"/>
                  <wp:effectExtent l="0" t="0" r="0" b="0"/>
                  <wp:docPr id="76" name="Picture 7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BDB07F7" wp14:editId="7CCD7CCC">
                  <wp:extent cx="2179674" cy="1911069"/>
                  <wp:effectExtent l="0" t="0" r="0" b="0"/>
                  <wp:docPr id="77" name="Picture 7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23997CA" wp14:editId="26811FFD">
                  <wp:extent cx="2179674" cy="1911069"/>
                  <wp:effectExtent l="0" t="0" r="0" b="0"/>
                  <wp:docPr id="78" name="Picture 7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3807FD" wp14:editId="3E975891">
                  <wp:extent cx="2179674" cy="1911069"/>
                  <wp:effectExtent l="0" t="0" r="0" b="0"/>
                  <wp:docPr id="79" name="Picture 7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F2D7C7B" wp14:editId="1F0D514E">
                  <wp:extent cx="2179674" cy="1911069"/>
                  <wp:effectExtent l="0" t="0" r="0" b="0"/>
                  <wp:docPr id="80" name="Picture 8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CF4CFE9" wp14:editId="36D90ECA">
                  <wp:extent cx="2179674" cy="1911069"/>
                  <wp:effectExtent l="0" t="0" r="0" b="0"/>
                  <wp:docPr id="81" name="Picture 8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07B6AB5" wp14:editId="39B96364">
                  <wp:extent cx="2179674" cy="1911069"/>
                  <wp:effectExtent l="0" t="0" r="0" b="0"/>
                  <wp:docPr id="82" name="Picture 8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826D1AA" wp14:editId="24463489">
                  <wp:extent cx="2179674" cy="1911069"/>
                  <wp:effectExtent l="0" t="0" r="0" b="0"/>
                  <wp:docPr id="83" name="Picture 8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45A3414" wp14:editId="038CA19C">
                  <wp:extent cx="2179674" cy="1911069"/>
                  <wp:effectExtent l="0" t="0" r="0" b="0"/>
                  <wp:docPr id="84" name="Picture 8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A46F057" wp14:editId="2E7EF733">
                  <wp:extent cx="2179674" cy="1911069"/>
                  <wp:effectExtent l="0" t="0" r="0" b="0"/>
                  <wp:docPr id="85" name="Picture 8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7DE1ED7" wp14:editId="7F520A99">
                  <wp:extent cx="2179674" cy="1911069"/>
                  <wp:effectExtent l="0" t="0" r="0" b="0"/>
                  <wp:docPr id="86" name="Picture 8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96D9063" wp14:editId="4B48E2BB">
                  <wp:extent cx="2179674" cy="1911069"/>
                  <wp:effectExtent l="0" t="0" r="0" b="0"/>
                  <wp:docPr id="87" name="Picture 8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CD2A705" wp14:editId="585E276F">
                  <wp:extent cx="2179674" cy="1911069"/>
                  <wp:effectExtent l="0" t="0" r="0" b="0"/>
                  <wp:docPr id="88" name="Picture 8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F1BA524" wp14:editId="529B2B6C">
                  <wp:extent cx="2179674" cy="1911069"/>
                  <wp:effectExtent l="0" t="0" r="0" b="0"/>
                  <wp:docPr id="89" name="Picture 8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5DDA3CE" wp14:editId="42E1D9F2">
                  <wp:extent cx="2179674" cy="1911069"/>
                  <wp:effectExtent l="0" t="0" r="0" b="0"/>
                  <wp:docPr id="90" name="Picture 9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391630E" wp14:editId="2B920D71">
                  <wp:extent cx="2179674" cy="1911069"/>
                  <wp:effectExtent l="0" t="0" r="0" b="0"/>
                  <wp:docPr id="91" name="Picture 9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D1A7D8C" wp14:editId="1C4F2101">
                  <wp:extent cx="2179674" cy="1911069"/>
                  <wp:effectExtent l="0" t="0" r="0" b="0"/>
                  <wp:docPr id="92" name="Picture 9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2B1DF3C" wp14:editId="1CCDB94C">
                  <wp:extent cx="2179674" cy="1911069"/>
                  <wp:effectExtent l="0" t="0" r="0" b="0"/>
                  <wp:docPr id="93" name="Picture 9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886C48A" wp14:editId="452ECD6E">
                  <wp:extent cx="2179674" cy="1911069"/>
                  <wp:effectExtent l="0" t="0" r="0" b="0"/>
                  <wp:docPr id="94" name="Picture 9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F8BD2FF" wp14:editId="222A58E8">
                  <wp:extent cx="2179674" cy="1911069"/>
                  <wp:effectExtent l="0" t="0" r="0" b="0"/>
                  <wp:docPr id="95" name="Picture 9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DA16EB5" wp14:editId="4520F8F5">
                  <wp:extent cx="2179674" cy="1911069"/>
                  <wp:effectExtent l="0" t="0" r="0" b="0"/>
                  <wp:docPr id="96" name="Picture 9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80C1E6A" wp14:editId="63F7A890">
                  <wp:extent cx="2179674" cy="1911069"/>
                  <wp:effectExtent l="0" t="0" r="0" b="0"/>
                  <wp:docPr id="97" name="Picture 9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F0A9745" wp14:editId="445A0EAE">
                  <wp:extent cx="2179674" cy="1911069"/>
                  <wp:effectExtent l="0" t="0" r="0" b="0"/>
                  <wp:docPr id="98" name="Picture 9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DF1F02B" wp14:editId="55977BFC">
                  <wp:extent cx="2179674" cy="1911069"/>
                  <wp:effectExtent l="0" t="0" r="0" b="0"/>
                  <wp:docPr id="99" name="Picture 9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443BD98" wp14:editId="25CD37DA">
                  <wp:extent cx="2179674" cy="1911069"/>
                  <wp:effectExtent l="0" t="0" r="0" b="0"/>
                  <wp:docPr id="100" name="Picture 10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CE4728C" wp14:editId="730B4238">
                  <wp:extent cx="2179674" cy="1911069"/>
                  <wp:effectExtent l="0" t="0" r="0" b="0"/>
                  <wp:docPr id="101" name="Picture 10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1F844A0" wp14:editId="7C6D5F59">
                  <wp:extent cx="2179674" cy="1911069"/>
                  <wp:effectExtent l="0" t="0" r="0" b="0"/>
                  <wp:docPr id="102" name="Picture 10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FC9175" wp14:editId="32650B86">
                  <wp:extent cx="2179674" cy="1911069"/>
                  <wp:effectExtent l="0" t="0" r="0" b="0"/>
                  <wp:docPr id="103" name="Picture 10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6" name="Picture 6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7" name="Picture 7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8727F" w:rsidRDefault="00D8727F"/>
    <w:p w:rsidR="00D8727F" w:rsidRDefault="00D8727F">
      <w:r>
        <w:rPr>
          <w:noProof/>
        </w:rPr>
        <w:lastRenderedPageBreak/>
        <w:drawing>
          <wp:anchor distT="0" distB="0" distL="114300" distR="114300" simplePos="0" relativeHeight="251660288" behindDoc="0" locked="0" layoutInCell="1" allowOverlap="1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080375" cy="9774555"/>
            <wp:effectExtent l="0" t="0" r="0" b="0"/>
            <wp:wrapSquare wrapText="bothSides"/>
            <wp:docPr id="167" name="Picture 167" descr="C:\Users\s131752\Google Drive\2014-2015 Verkenners\Zomerkamp\Programmas\Levend Kolonisten van Catan\logos\noun_53276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31752\Google Drive\2014-2015 Verkenners\Zomerkamp\Programmas\Levend Kolonisten van Catan\logos\noun_53276_cc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4560" r="12960"/>
                    <a:stretch/>
                  </pic:blipFill>
                  <pic:spPr bwMode="auto">
                    <a:xfrm>
                      <a:off x="0" y="0"/>
                      <a:ext cx="8082199" cy="97766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lastRenderedPageBreak/>
              <w:drawing>
                <wp:inline distT="0" distB="0" distL="0" distR="0" wp14:anchorId="5C5B408A" wp14:editId="33C7C700">
                  <wp:extent cx="2134351" cy="1871330"/>
                  <wp:effectExtent l="0" t="0" r="0" b="0"/>
                  <wp:docPr id="107" name="Picture 10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22A0ED0" wp14:editId="728703CC">
                  <wp:extent cx="2134351" cy="1871330"/>
                  <wp:effectExtent l="0" t="0" r="0" b="0"/>
                  <wp:docPr id="122" name="Picture 12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40A998D4" wp14:editId="4558D043">
                  <wp:extent cx="2134351" cy="1871330"/>
                  <wp:effectExtent l="0" t="0" r="0" b="0"/>
                  <wp:docPr id="123" name="Picture 12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B3A6C9C" wp14:editId="0B658773">
                  <wp:extent cx="2134351" cy="1871330"/>
                  <wp:effectExtent l="0" t="0" r="0" b="0"/>
                  <wp:docPr id="124" name="Picture 12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109F41C" wp14:editId="05E6ABE5">
                  <wp:extent cx="2134351" cy="1871330"/>
                  <wp:effectExtent l="0" t="0" r="0" b="0"/>
                  <wp:docPr id="125" name="Picture 12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D5D1BDF" wp14:editId="7803363D">
                  <wp:extent cx="2134351" cy="1871330"/>
                  <wp:effectExtent l="0" t="0" r="0" b="0"/>
                  <wp:docPr id="126" name="Picture 12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E44C882" wp14:editId="1FCCF0EE">
                  <wp:extent cx="2134351" cy="1871330"/>
                  <wp:effectExtent l="0" t="0" r="0" b="0"/>
                  <wp:docPr id="127" name="Picture 12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4439BCD" wp14:editId="00BCC9F0">
                  <wp:extent cx="2134351" cy="1871330"/>
                  <wp:effectExtent l="0" t="0" r="0" b="0"/>
                  <wp:docPr id="128" name="Picture 12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59BB415" wp14:editId="215876CE">
                  <wp:extent cx="2134351" cy="1871330"/>
                  <wp:effectExtent l="0" t="0" r="0" b="0"/>
                  <wp:docPr id="129" name="Picture 12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9D26E5D" wp14:editId="78E0C218">
                  <wp:extent cx="2134351" cy="1871330"/>
                  <wp:effectExtent l="0" t="0" r="0" b="0"/>
                  <wp:docPr id="130" name="Picture 13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1830A87" wp14:editId="7B37C7F6">
                  <wp:extent cx="2134351" cy="1871330"/>
                  <wp:effectExtent l="0" t="0" r="0" b="0"/>
                  <wp:docPr id="131" name="Picture 13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5FF304A" wp14:editId="49EC4D64">
                  <wp:extent cx="2134351" cy="1871330"/>
                  <wp:effectExtent l="0" t="0" r="0" b="0"/>
                  <wp:docPr id="132" name="Picture 13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961CC40" wp14:editId="07E55B57">
                  <wp:extent cx="2134351" cy="1871330"/>
                  <wp:effectExtent l="0" t="0" r="0" b="0"/>
                  <wp:docPr id="134" name="Picture 13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4EDD2E7" wp14:editId="32C0A789">
                  <wp:extent cx="2134351" cy="1871330"/>
                  <wp:effectExtent l="0" t="0" r="0" b="0"/>
                  <wp:docPr id="135" name="Picture 13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3E7EE6A" wp14:editId="13B22277">
                  <wp:extent cx="2134351" cy="1871330"/>
                  <wp:effectExtent l="0" t="0" r="0" b="0"/>
                  <wp:docPr id="136" name="Picture 13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33E0ED6C" wp14:editId="570118EE">
                  <wp:extent cx="2134351" cy="1871330"/>
                  <wp:effectExtent l="0" t="0" r="0" b="0"/>
                  <wp:docPr id="137" name="Picture 13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26545A" wp14:editId="397EDE22">
                  <wp:extent cx="2134351" cy="1871330"/>
                  <wp:effectExtent l="0" t="0" r="0" b="0"/>
                  <wp:docPr id="138" name="Picture 13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31C853C" wp14:editId="08302232">
                  <wp:extent cx="2134351" cy="1871330"/>
                  <wp:effectExtent l="0" t="0" r="0" b="0"/>
                  <wp:docPr id="139" name="Picture 13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99C9202" wp14:editId="469A3942">
                  <wp:extent cx="2134351" cy="1871330"/>
                  <wp:effectExtent l="0" t="0" r="0" b="0"/>
                  <wp:docPr id="140" name="Picture 14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5936D59" wp14:editId="23D6B70A">
                  <wp:extent cx="2134351" cy="1871330"/>
                  <wp:effectExtent l="0" t="0" r="0" b="0"/>
                  <wp:docPr id="141" name="Picture 14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38CDF3" wp14:editId="4141E2E1">
                  <wp:extent cx="2134351" cy="1871330"/>
                  <wp:effectExtent l="0" t="0" r="0" b="0"/>
                  <wp:docPr id="142" name="Picture 14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A9B878" wp14:editId="65168831">
                  <wp:extent cx="2134351" cy="1871330"/>
                  <wp:effectExtent l="0" t="0" r="0" b="0"/>
                  <wp:docPr id="143" name="Picture 14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C73AD46" wp14:editId="6CCB185D">
                  <wp:extent cx="2134351" cy="1871330"/>
                  <wp:effectExtent l="0" t="0" r="0" b="0"/>
                  <wp:docPr id="144" name="Picture 14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672A1FE" wp14:editId="36BD7101">
                  <wp:extent cx="2134351" cy="1871330"/>
                  <wp:effectExtent l="0" t="0" r="0" b="0"/>
                  <wp:docPr id="145" name="Picture 14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CA50423" wp14:editId="019C8537">
                  <wp:extent cx="2134351" cy="1871330"/>
                  <wp:effectExtent l="0" t="0" r="0" b="0"/>
                  <wp:docPr id="146" name="Picture 14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CAF41EE" wp14:editId="1A813516">
                  <wp:extent cx="2134351" cy="1871330"/>
                  <wp:effectExtent l="0" t="0" r="0" b="0"/>
                  <wp:docPr id="147" name="Picture 14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9DE41F7" wp14:editId="0E958AAF">
                  <wp:extent cx="2134351" cy="1871330"/>
                  <wp:effectExtent l="0" t="0" r="0" b="0"/>
                  <wp:docPr id="148" name="Picture 14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9F608E9" wp14:editId="0EC08201">
                  <wp:extent cx="2134351" cy="1871330"/>
                  <wp:effectExtent l="0" t="0" r="0" b="0"/>
                  <wp:docPr id="149" name="Picture 14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A480C0D" wp14:editId="0902FE3B">
                  <wp:extent cx="2134351" cy="1871330"/>
                  <wp:effectExtent l="0" t="0" r="0" b="0"/>
                  <wp:docPr id="150" name="Picture 15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2DFD70D" wp14:editId="704A01B6">
                  <wp:extent cx="2134351" cy="1871330"/>
                  <wp:effectExtent l="0" t="0" r="0" b="0"/>
                  <wp:docPr id="151" name="Picture 15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623083D9" wp14:editId="7A3F08D9">
                  <wp:extent cx="2134351" cy="1871330"/>
                  <wp:effectExtent l="0" t="0" r="0" b="0"/>
                  <wp:docPr id="152" name="Picture 15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F43780C" wp14:editId="3A6150EE">
                  <wp:extent cx="2134351" cy="1871330"/>
                  <wp:effectExtent l="0" t="0" r="0" b="0"/>
                  <wp:docPr id="153" name="Picture 15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26A9BDE" wp14:editId="0EEA7296">
                  <wp:extent cx="2134351" cy="1871330"/>
                  <wp:effectExtent l="0" t="0" r="0" b="0"/>
                  <wp:docPr id="154" name="Picture 15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33A9D49" wp14:editId="0AB0ED96">
                  <wp:extent cx="2134351" cy="1871330"/>
                  <wp:effectExtent l="0" t="0" r="0" b="0"/>
                  <wp:docPr id="155" name="Picture 15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09754D4" wp14:editId="089E31D8">
                  <wp:extent cx="2134351" cy="1871330"/>
                  <wp:effectExtent l="0" t="0" r="0" b="0"/>
                  <wp:docPr id="156" name="Picture 15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7EAE35E" wp14:editId="492153F5">
                  <wp:extent cx="2134351" cy="1871330"/>
                  <wp:effectExtent l="0" t="0" r="0" b="0"/>
                  <wp:docPr id="157" name="Picture 15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E9EAA6F" wp14:editId="47FD224A">
                  <wp:extent cx="2134351" cy="1871330"/>
                  <wp:effectExtent l="0" t="0" r="0" b="0"/>
                  <wp:docPr id="158" name="Picture 15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19530A" wp14:editId="47937E86">
                  <wp:extent cx="2134351" cy="1871330"/>
                  <wp:effectExtent l="0" t="0" r="0" b="0"/>
                  <wp:docPr id="159" name="Picture 15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069B6FF" wp14:editId="729DFFB8">
                  <wp:extent cx="2134351" cy="1871330"/>
                  <wp:effectExtent l="0" t="0" r="0" b="0"/>
                  <wp:docPr id="160" name="Picture 16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26820B2" wp14:editId="5FBB0F46">
                  <wp:extent cx="2134351" cy="1871330"/>
                  <wp:effectExtent l="0" t="0" r="0" b="0"/>
                  <wp:docPr id="161" name="Picture 16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645DCA1" wp14:editId="612DCB0D">
                  <wp:extent cx="2134351" cy="1871330"/>
                  <wp:effectExtent l="0" t="0" r="0" b="0"/>
                  <wp:docPr id="162" name="Picture 16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4D3A543" wp14:editId="3677D8A0">
                  <wp:extent cx="2134351" cy="1871330"/>
                  <wp:effectExtent l="0" t="0" r="0" b="0"/>
                  <wp:docPr id="163" name="Picture 16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307BB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BE516F" wp14:editId="5646EAF6">
                  <wp:extent cx="2134351" cy="1871330"/>
                  <wp:effectExtent l="0" t="0" r="0" b="0"/>
                  <wp:docPr id="164" name="Picture 16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8" name="Picture 8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9" name="Picture 9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2677F" w:rsidRDefault="0012677F"/>
    <w:p w:rsidR="0012677F" w:rsidRDefault="0012677F">
      <w:r>
        <w:rPr>
          <w:noProof/>
        </w:rPr>
        <w:lastRenderedPageBreak/>
        <w:drawing>
          <wp:anchor distT="0" distB="0" distL="114300" distR="114300" simplePos="0" relativeHeight="251661312" behindDoc="0" locked="0" layoutInCell="1" allowOverlap="1" wp14:anchorId="752D5C85" wp14:editId="68434264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952230" cy="7849235"/>
            <wp:effectExtent l="0" t="0" r="0" b="0"/>
            <wp:wrapSquare wrapText="bothSides"/>
            <wp:docPr id="199" name="Picture 199" descr="C:\Users\s131752\Google Drive\2014-2015 Verkenners\Zomerkamp\Programmas\Levend Kolonisten van Catan\logos\noun_53278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1752\Google Drive\2014-2015 Verkenners\Zomerkamp\Programmas\Levend Kolonisten van Catan\logos\noun_53278_cc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954225" cy="78506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r>
              <w:lastRenderedPageBreak/>
              <w:br w:type="page"/>
            </w:r>
            <w:r>
              <w:rPr>
                <w:noProof/>
              </w:rPr>
              <w:drawing>
                <wp:inline distT="0" distB="0" distL="0" distR="0" wp14:anchorId="142A6AB5" wp14:editId="3A4C6291">
                  <wp:extent cx="2137144" cy="1873779"/>
                  <wp:effectExtent l="0" t="0" r="0" b="0"/>
                  <wp:docPr id="1" name="Picture 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1F6E3316" wp14:editId="61AAA7BC">
                  <wp:extent cx="2137144" cy="1873779"/>
                  <wp:effectExtent l="0" t="0" r="0" b="0"/>
                  <wp:docPr id="109" name="Picture 10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AF1C1D8" wp14:editId="57A6608C">
                  <wp:extent cx="2137144" cy="1873779"/>
                  <wp:effectExtent l="0" t="0" r="0" b="0"/>
                  <wp:docPr id="110" name="Picture 11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24D2B60D" wp14:editId="429EC65F">
                  <wp:extent cx="2137144" cy="1873779"/>
                  <wp:effectExtent l="0" t="0" r="0" b="0"/>
                  <wp:docPr id="111" name="Picture 11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02D0672" wp14:editId="3A5D3EBF">
                  <wp:extent cx="2137144" cy="1873779"/>
                  <wp:effectExtent l="0" t="0" r="0" b="0"/>
                  <wp:docPr id="112" name="Picture 11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263CFE7A" wp14:editId="0CFB670A">
                  <wp:extent cx="2137144" cy="1873779"/>
                  <wp:effectExtent l="0" t="0" r="0" b="0"/>
                  <wp:docPr id="113" name="Picture 11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23ACA082" wp14:editId="309665B5">
                  <wp:extent cx="2137144" cy="1873779"/>
                  <wp:effectExtent l="0" t="0" r="0" b="0"/>
                  <wp:docPr id="114" name="Picture 11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14C8995D" wp14:editId="6EB038A2">
                  <wp:extent cx="2137144" cy="1873779"/>
                  <wp:effectExtent l="0" t="0" r="0" b="0"/>
                  <wp:docPr id="115" name="Picture 11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7979935D" wp14:editId="48174202">
                  <wp:extent cx="2137144" cy="1873779"/>
                  <wp:effectExtent l="0" t="0" r="0" b="0"/>
                  <wp:docPr id="116" name="Picture 11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3F4C1DDE" wp14:editId="6622B100">
                  <wp:extent cx="2137144" cy="1873779"/>
                  <wp:effectExtent l="0" t="0" r="0" b="0"/>
                  <wp:docPr id="117" name="Picture 11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5BED47A8" wp14:editId="38E2DF22">
                  <wp:extent cx="2137144" cy="1873779"/>
                  <wp:effectExtent l="0" t="0" r="0" b="0"/>
                  <wp:docPr id="118" name="Picture 11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7296F2CA" wp14:editId="23ED2E9D">
                  <wp:extent cx="2137144" cy="1873779"/>
                  <wp:effectExtent l="0" t="0" r="0" b="0"/>
                  <wp:docPr id="119" name="Picture 11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5D2200D8" wp14:editId="7C874711">
                  <wp:extent cx="2137144" cy="1873779"/>
                  <wp:effectExtent l="0" t="0" r="0" b="0"/>
                  <wp:docPr id="120" name="Picture 12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CBE46E4" wp14:editId="5AB2926F">
                  <wp:extent cx="2137144" cy="1873779"/>
                  <wp:effectExtent l="0" t="0" r="0" b="0"/>
                  <wp:docPr id="121" name="Picture 12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0FA8A509" wp14:editId="53D015A6">
                  <wp:extent cx="2137144" cy="1873779"/>
                  <wp:effectExtent l="0" t="0" r="0" b="0"/>
                  <wp:docPr id="133" name="Picture 13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0DB50CD" wp14:editId="28B7BDF6">
                  <wp:extent cx="2137144" cy="1873779"/>
                  <wp:effectExtent l="0" t="0" r="0" b="0"/>
                  <wp:docPr id="168" name="Picture 16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BFF5904" wp14:editId="7E06AF56">
                  <wp:extent cx="2137144" cy="1873779"/>
                  <wp:effectExtent l="0" t="0" r="0" b="0"/>
                  <wp:docPr id="169" name="Picture 16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18181FB" wp14:editId="4064713F">
                  <wp:extent cx="2137144" cy="1873779"/>
                  <wp:effectExtent l="0" t="0" r="0" b="0"/>
                  <wp:docPr id="170" name="Picture 17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859496A" wp14:editId="446244F2">
                  <wp:extent cx="2137144" cy="1873779"/>
                  <wp:effectExtent l="0" t="0" r="0" b="0"/>
                  <wp:docPr id="171" name="Picture 17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8FBBECD" wp14:editId="3CD36B81">
                  <wp:extent cx="2137144" cy="1873779"/>
                  <wp:effectExtent l="0" t="0" r="0" b="0"/>
                  <wp:docPr id="172" name="Picture 17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5D01413" wp14:editId="6A9ED911">
                  <wp:extent cx="2137144" cy="1873779"/>
                  <wp:effectExtent l="0" t="0" r="0" b="0"/>
                  <wp:docPr id="174" name="Picture 17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AFA5BE8" wp14:editId="21A4C15A">
                  <wp:extent cx="2137144" cy="1873779"/>
                  <wp:effectExtent l="0" t="0" r="0" b="0"/>
                  <wp:docPr id="175" name="Picture 17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89A6D17" wp14:editId="6757EB90">
                  <wp:extent cx="2137144" cy="1873779"/>
                  <wp:effectExtent l="0" t="0" r="0" b="0"/>
                  <wp:docPr id="176" name="Picture 17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2F4D5D8" wp14:editId="75BC93D6">
                  <wp:extent cx="2137144" cy="1873779"/>
                  <wp:effectExtent l="0" t="0" r="0" b="0"/>
                  <wp:docPr id="177" name="Picture 17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E8066CF" wp14:editId="7EF50CF4">
                  <wp:extent cx="2137144" cy="1873779"/>
                  <wp:effectExtent l="0" t="0" r="0" b="0"/>
                  <wp:docPr id="178" name="Picture 17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9FEF337" wp14:editId="64C54125">
                  <wp:extent cx="2137144" cy="1873779"/>
                  <wp:effectExtent l="0" t="0" r="0" b="0"/>
                  <wp:docPr id="179" name="Picture 17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E61232C" wp14:editId="6F8F3D0D">
                  <wp:extent cx="2137144" cy="1873779"/>
                  <wp:effectExtent l="0" t="0" r="0" b="0"/>
                  <wp:docPr id="180" name="Picture 18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526157B" wp14:editId="0112EFF8">
                  <wp:extent cx="2137144" cy="1873779"/>
                  <wp:effectExtent l="0" t="0" r="0" b="0"/>
                  <wp:docPr id="181" name="Picture 18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E8CC03B" wp14:editId="08B767B0">
                  <wp:extent cx="2137144" cy="1873779"/>
                  <wp:effectExtent l="0" t="0" r="0" b="0"/>
                  <wp:docPr id="182" name="Picture 18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11781E" wp14:editId="5C3A050B">
                  <wp:extent cx="2137144" cy="1873779"/>
                  <wp:effectExtent l="0" t="0" r="0" b="0"/>
                  <wp:docPr id="183" name="Picture 18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38E05149" wp14:editId="109B32A4">
                  <wp:extent cx="2137144" cy="1873779"/>
                  <wp:effectExtent l="0" t="0" r="0" b="0"/>
                  <wp:docPr id="184" name="Picture 18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CF27E3E" wp14:editId="6DE1E0FE">
                  <wp:extent cx="2137144" cy="1873779"/>
                  <wp:effectExtent l="0" t="0" r="0" b="0"/>
                  <wp:docPr id="185" name="Picture 18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D8173A0" wp14:editId="3A3D84A3">
                  <wp:extent cx="2137144" cy="1873779"/>
                  <wp:effectExtent l="0" t="0" r="0" b="0"/>
                  <wp:docPr id="186" name="Picture 18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5162DF1" wp14:editId="1EED5064">
                  <wp:extent cx="2137144" cy="1873779"/>
                  <wp:effectExtent l="0" t="0" r="0" b="0"/>
                  <wp:docPr id="187" name="Picture 18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131DE01" wp14:editId="411E7F64">
                  <wp:extent cx="2137144" cy="1873779"/>
                  <wp:effectExtent l="0" t="0" r="0" b="0"/>
                  <wp:docPr id="188" name="Picture 18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A09ED8E" wp14:editId="79EB2C56">
                  <wp:extent cx="2137144" cy="1873779"/>
                  <wp:effectExtent l="0" t="0" r="0" b="0"/>
                  <wp:docPr id="189" name="Picture 18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E10D195" wp14:editId="76452202">
                  <wp:extent cx="2137144" cy="1873779"/>
                  <wp:effectExtent l="0" t="0" r="0" b="0"/>
                  <wp:docPr id="190" name="Picture 19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36A19C" wp14:editId="2BE2B351">
                  <wp:extent cx="2137144" cy="1873779"/>
                  <wp:effectExtent l="0" t="0" r="0" b="0"/>
                  <wp:docPr id="191" name="Picture 19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305F581" wp14:editId="06A82FDB">
                  <wp:extent cx="2137144" cy="1873779"/>
                  <wp:effectExtent l="0" t="0" r="0" b="0"/>
                  <wp:docPr id="192" name="Picture 19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D409DCD" wp14:editId="32F2B8FC">
                  <wp:extent cx="2137144" cy="1873779"/>
                  <wp:effectExtent l="0" t="0" r="0" b="0"/>
                  <wp:docPr id="193" name="Picture 19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4AF6A99" wp14:editId="78993B42">
                  <wp:extent cx="2137144" cy="1873779"/>
                  <wp:effectExtent l="0" t="0" r="0" b="0"/>
                  <wp:docPr id="194" name="Picture 19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9833E5A" wp14:editId="2AFBC169">
                  <wp:extent cx="2137144" cy="1873779"/>
                  <wp:effectExtent l="0" t="0" r="0" b="0"/>
                  <wp:docPr id="195" name="Picture 19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307BB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737B443" wp14:editId="4F0B1D05">
                  <wp:extent cx="2137144" cy="1873779"/>
                  <wp:effectExtent l="0" t="0" r="0" b="0"/>
                  <wp:docPr id="196" name="Picture 19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10" name="Picture 10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500F7A4" wp14:editId="212934A2">
                  <wp:extent cx="1944000" cy="1699858"/>
                  <wp:effectExtent l="0" t="0" r="0" b="0"/>
                  <wp:docPr id="11" name="Picture 11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6E27F9" w:rsidRDefault="006E27F9"/>
    <w:p w:rsidR="006E27F9" w:rsidRDefault="006E27F9">
      <w:r>
        <w:rPr>
          <w:noProof/>
        </w:rPr>
        <w:lastRenderedPageBreak/>
        <w:drawing>
          <wp:anchor distT="0" distB="0" distL="114300" distR="114300" simplePos="0" relativeHeight="251662336" behindDoc="0" locked="0" layoutInCell="1" allowOverlap="1" wp14:anchorId="27057DB8" wp14:editId="18B4CAD2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580120" cy="7522845"/>
            <wp:effectExtent l="0" t="0" r="0" b="0"/>
            <wp:wrapSquare wrapText="bothSides"/>
            <wp:docPr id="248" name="Picture 248" descr="C:\Users\s131752\Google Drive\2014-2015 Verkenners\Zomerkamp\Programmas\Levend Kolonisten van Catan\logos\noun_53277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31752\Google Drive\2014-2015 Verkenners\Zomerkamp\Programmas\Levend Kolonisten van Catan\logos\noun_53277_cc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82018" cy="75243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r>
              <w:lastRenderedPageBreak/>
              <w:br w:type="page"/>
            </w:r>
            <w:r>
              <w:rPr>
                <w:noProof/>
              </w:rPr>
              <w:drawing>
                <wp:inline distT="0" distB="0" distL="0" distR="0" wp14:anchorId="329160A1" wp14:editId="0E34D4B6">
                  <wp:extent cx="2105247" cy="1845814"/>
                  <wp:effectExtent l="0" t="0" r="0" b="0"/>
                  <wp:docPr id="200" name="Picture 20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1BD103E4" wp14:editId="3C8EF707">
                  <wp:extent cx="2105247" cy="1845814"/>
                  <wp:effectExtent l="0" t="0" r="0" b="0"/>
                  <wp:docPr id="201" name="Picture 20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3A7A008" wp14:editId="60B34099">
                  <wp:extent cx="2105247" cy="1845814"/>
                  <wp:effectExtent l="0" t="0" r="0" b="0"/>
                  <wp:docPr id="202" name="Picture 20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7C22AC9" wp14:editId="4EF04EDD">
                  <wp:extent cx="2105247" cy="1845814"/>
                  <wp:effectExtent l="0" t="0" r="0" b="0"/>
                  <wp:docPr id="203" name="Picture 20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740E5910" wp14:editId="657BA06A">
                  <wp:extent cx="2105247" cy="1845814"/>
                  <wp:effectExtent l="0" t="0" r="0" b="0"/>
                  <wp:docPr id="204" name="Picture 20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2C5E809" wp14:editId="0D637FD5">
                  <wp:extent cx="2105247" cy="1845814"/>
                  <wp:effectExtent l="0" t="0" r="0" b="0"/>
                  <wp:docPr id="205" name="Picture 20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3D2BCAB2" wp14:editId="540BF0F8">
                  <wp:extent cx="2105247" cy="1845814"/>
                  <wp:effectExtent l="0" t="0" r="0" b="0"/>
                  <wp:docPr id="206" name="Picture 20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69283FEB" wp14:editId="482914CE">
                  <wp:extent cx="2105247" cy="1845814"/>
                  <wp:effectExtent l="0" t="0" r="0" b="0"/>
                  <wp:docPr id="207" name="Picture 20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6B0FF508" wp14:editId="5E3817B6">
                  <wp:extent cx="2105247" cy="1845814"/>
                  <wp:effectExtent l="0" t="0" r="0" b="0"/>
                  <wp:docPr id="208" name="Picture 20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28F278DC" wp14:editId="79135E4B">
                  <wp:extent cx="2105247" cy="1845814"/>
                  <wp:effectExtent l="0" t="0" r="0" b="0"/>
                  <wp:docPr id="209" name="Picture 20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7715634C" wp14:editId="0A8F44C9">
                  <wp:extent cx="2105247" cy="1845814"/>
                  <wp:effectExtent l="0" t="0" r="0" b="0"/>
                  <wp:docPr id="210" name="Picture 21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354E9555" wp14:editId="22C3AE34">
                  <wp:extent cx="2105247" cy="1845814"/>
                  <wp:effectExtent l="0" t="0" r="0" b="0"/>
                  <wp:docPr id="211" name="Picture 21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47FECFF1" wp14:editId="157C1C3B">
                  <wp:extent cx="2105247" cy="1845814"/>
                  <wp:effectExtent l="0" t="0" r="0" b="0"/>
                  <wp:docPr id="212" name="Picture 21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553C871" wp14:editId="0A3D7C0F">
                  <wp:extent cx="2105247" cy="1845814"/>
                  <wp:effectExtent l="0" t="0" r="0" b="0"/>
                  <wp:docPr id="213" name="Picture 21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73CCF93A" wp14:editId="1982259A">
                  <wp:extent cx="2105247" cy="1845814"/>
                  <wp:effectExtent l="0" t="0" r="0" b="0"/>
                  <wp:docPr id="214" name="Picture 21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30E93E44" wp14:editId="7F068ED1">
                  <wp:extent cx="2105247" cy="1845814"/>
                  <wp:effectExtent l="0" t="0" r="0" b="0"/>
                  <wp:docPr id="215" name="Picture 21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9A1D925" wp14:editId="1114259A">
                  <wp:extent cx="2105247" cy="1845814"/>
                  <wp:effectExtent l="0" t="0" r="0" b="0"/>
                  <wp:docPr id="216" name="Picture 21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CF35186" wp14:editId="2D8B4D95">
                  <wp:extent cx="2105247" cy="1845814"/>
                  <wp:effectExtent l="0" t="0" r="0" b="0"/>
                  <wp:docPr id="217" name="Picture 21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42C270B" wp14:editId="3CE2A9A3">
                  <wp:extent cx="2105247" cy="1845814"/>
                  <wp:effectExtent l="0" t="0" r="0" b="0"/>
                  <wp:docPr id="218" name="Picture 21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E92A77B" wp14:editId="3B300EA6">
                  <wp:extent cx="2105247" cy="1845814"/>
                  <wp:effectExtent l="0" t="0" r="0" b="0"/>
                  <wp:docPr id="219" name="Picture 21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DAEBE89" wp14:editId="73D06B81">
                  <wp:extent cx="2105247" cy="1845814"/>
                  <wp:effectExtent l="0" t="0" r="0" b="0"/>
                  <wp:docPr id="220" name="Picture 22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DB9169F" wp14:editId="60A594AC">
                  <wp:extent cx="2105247" cy="1845814"/>
                  <wp:effectExtent l="0" t="0" r="0" b="0"/>
                  <wp:docPr id="221" name="Picture 22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B456C31" wp14:editId="4154683F">
                  <wp:extent cx="2105247" cy="1845814"/>
                  <wp:effectExtent l="0" t="0" r="0" b="0"/>
                  <wp:docPr id="222" name="Picture 22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E30078F" wp14:editId="739EEE82">
                  <wp:extent cx="2105247" cy="1845814"/>
                  <wp:effectExtent l="0" t="0" r="0" b="0"/>
                  <wp:docPr id="223" name="Picture 22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330F135" wp14:editId="77A23B05">
                  <wp:extent cx="2105247" cy="1845814"/>
                  <wp:effectExtent l="0" t="0" r="0" b="0"/>
                  <wp:docPr id="224" name="Picture 22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5BF1492" wp14:editId="2E84F224">
                  <wp:extent cx="2105247" cy="1845814"/>
                  <wp:effectExtent l="0" t="0" r="0" b="0"/>
                  <wp:docPr id="225" name="Picture 22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D4A2565" wp14:editId="6089771F">
                  <wp:extent cx="2105247" cy="1845814"/>
                  <wp:effectExtent l="0" t="0" r="0" b="0"/>
                  <wp:docPr id="226" name="Picture 22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4ABBB87" wp14:editId="1B45E6AA">
                  <wp:extent cx="2105247" cy="1845814"/>
                  <wp:effectExtent l="0" t="0" r="0" b="0"/>
                  <wp:docPr id="227" name="Picture 22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3AEB935" wp14:editId="410421F6">
                  <wp:extent cx="2105247" cy="1845814"/>
                  <wp:effectExtent l="0" t="0" r="0" b="0"/>
                  <wp:docPr id="228" name="Picture 22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97AFEF" wp14:editId="14454E4D">
                  <wp:extent cx="2105247" cy="1845814"/>
                  <wp:effectExtent l="0" t="0" r="0" b="0"/>
                  <wp:docPr id="229" name="Picture 22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41D997B8" wp14:editId="539E4D14">
                  <wp:extent cx="2105247" cy="1845814"/>
                  <wp:effectExtent l="0" t="0" r="0" b="0"/>
                  <wp:docPr id="230" name="Picture 23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AFFCCEE" wp14:editId="4265D067">
                  <wp:extent cx="2105247" cy="1845814"/>
                  <wp:effectExtent l="0" t="0" r="0" b="0"/>
                  <wp:docPr id="231" name="Picture 23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F8E8B1" wp14:editId="2603B002">
                  <wp:extent cx="2105247" cy="1845814"/>
                  <wp:effectExtent l="0" t="0" r="0" b="0"/>
                  <wp:docPr id="232" name="Picture 23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684112B" wp14:editId="439393A9">
                  <wp:extent cx="2105247" cy="1845814"/>
                  <wp:effectExtent l="0" t="0" r="0" b="0"/>
                  <wp:docPr id="233" name="Picture 23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F948999" wp14:editId="506F65D5">
                  <wp:extent cx="2105247" cy="1845814"/>
                  <wp:effectExtent l="0" t="0" r="0" b="0"/>
                  <wp:docPr id="234" name="Picture 23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CA27F82" wp14:editId="610283FA">
                  <wp:extent cx="2105247" cy="1845814"/>
                  <wp:effectExtent l="0" t="0" r="0" b="0"/>
                  <wp:docPr id="235" name="Picture 23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88E0149" wp14:editId="3AD423D6">
                  <wp:extent cx="2105247" cy="1845814"/>
                  <wp:effectExtent l="0" t="0" r="0" b="0"/>
                  <wp:docPr id="236" name="Picture 23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76FAC2B" wp14:editId="122CEF40">
                  <wp:extent cx="2105247" cy="1845814"/>
                  <wp:effectExtent l="0" t="0" r="0" b="0"/>
                  <wp:docPr id="237" name="Picture 23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E326DE" wp14:editId="0556EA78">
                  <wp:extent cx="2105247" cy="1845814"/>
                  <wp:effectExtent l="0" t="0" r="0" b="0"/>
                  <wp:docPr id="238" name="Picture 23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26DAC92" wp14:editId="748258F8">
                  <wp:extent cx="2105247" cy="1845814"/>
                  <wp:effectExtent l="0" t="0" r="0" b="0"/>
                  <wp:docPr id="239" name="Picture 23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79C0C91" wp14:editId="489AF4DC">
                  <wp:extent cx="2105247" cy="1845814"/>
                  <wp:effectExtent l="0" t="0" r="0" b="0"/>
                  <wp:docPr id="240" name="Picture 24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BB0821F" wp14:editId="3D7CD62C">
                  <wp:extent cx="2105247" cy="1845814"/>
                  <wp:effectExtent l="0" t="0" r="0" b="0"/>
                  <wp:docPr id="241" name="Picture 24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307BBC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9313A03" wp14:editId="708B71BC">
                  <wp:extent cx="2105247" cy="1845814"/>
                  <wp:effectExtent l="0" t="0" r="0" b="0"/>
                  <wp:docPr id="242" name="Picture 24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09721AC" wp14:editId="30F39E60">
                  <wp:extent cx="1944000" cy="1699858"/>
                  <wp:effectExtent l="0" t="0" r="0" b="0"/>
                  <wp:docPr id="12" name="Picture 12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B26FF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D0F8904" wp14:editId="28082483">
                  <wp:extent cx="1944000" cy="1699858"/>
                  <wp:effectExtent l="0" t="0" r="0" b="0"/>
                  <wp:docPr id="13" name="Picture 13" descr="C:\Users\s131752\Google Drive\2014-2015 Verkenners\Zomerkamp\Programmas\Levend Kolonisten van Catan\logos\noun_40328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40328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44000" cy="169985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r>
              <w:lastRenderedPageBreak/>
              <w:br w:type="page"/>
            </w:r>
            <w:r>
              <w:rPr>
                <w:noProof/>
              </w:rPr>
              <w:drawing>
                <wp:inline distT="0" distB="0" distL="0" distR="0" wp14:anchorId="313E9C67" wp14:editId="4A02E047">
                  <wp:extent cx="2137144" cy="1873779"/>
                  <wp:effectExtent l="0" t="0" r="0" b="0"/>
                  <wp:docPr id="14" name="Picture 1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6B62DADB" wp14:editId="4A73064F">
                  <wp:extent cx="2137144" cy="1873779"/>
                  <wp:effectExtent l="0" t="0" r="0" b="0"/>
                  <wp:docPr id="15" name="Picture 1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39C5DD31" wp14:editId="76C36821">
                  <wp:extent cx="2137144" cy="1873779"/>
                  <wp:effectExtent l="0" t="0" r="0" b="0"/>
                  <wp:docPr id="16" name="Picture 1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417EB732" wp14:editId="3546C0B9">
                  <wp:extent cx="2137144" cy="1873779"/>
                  <wp:effectExtent l="0" t="0" r="0" b="0"/>
                  <wp:docPr id="243" name="Picture 24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765C3E96" wp14:editId="4BDA0856">
                  <wp:extent cx="2137144" cy="1873779"/>
                  <wp:effectExtent l="0" t="0" r="0" b="0"/>
                  <wp:docPr id="244" name="Picture 24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067EB139" wp14:editId="4561935A">
                  <wp:extent cx="2137144" cy="1873779"/>
                  <wp:effectExtent l="0" t="0" r="0" b="0"/>
                  <wp:docPr id="245" name="Picture 24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4B5EADA6" wp14:editId="0A389DDD">
                  <wp:extent cx="2137144" cy="1873779"/>
                  <wp:effectExtent l="0" t="0" r="0" b="0"/>
                  <wp:docPr id="246" name="Picture 24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390CD19F" wp14:editId="3BD28C4A">
                  <wp:extent cx="2137144" cy="1873779"/>
                  <wp:effectExtent l="0" t="0" r="0" b="0"/>
                  <wp:docPr id="247" name="Picture 24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175CD052" wp14:editId="5EB0A0AB">
                  <wp:extent cx="2137144" cy="1873779"/>
                  <wp:effectExtent l="0" t="0" r="0" b="0"/>
                  <wp:docPr id="249" name="Picture 24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3910B9E1" wp14:editId="51B7CCF2">
                  <wp:extent cx="2137144" cy="1873779"/>
                  <wp:effectExtent l="0" t="0" r="0" b="0"/>
                  <wp:docPr id="250" name="Picture 25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133E4273" wp14:editId="5687E3C8">
                  <wp:extent cx="2137144" cy="1873779"/>
                  <wp:effectExtent l="0" t="0" r="0" b="0"/>
                  <wp:docPr id="251" name="Picture 25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363A5DBA" wp14:editId="782A7BE3">
                  <wp:extent cx="2137144" cy="1873779"/>
                  <wp:effectExtent l="0" t="0" r="0" b="0"/>
                  <wp:docPr id="252" name="Picture 25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10DFB312" wp14:editId="70E579E6">
                  <wp:extent cx="2137144" cy="1873779"/>
                  <wp:effectExtent l="0" t="0" r="0" b="0"/>
                  <wp:docPr id="253" name="Picture 25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2E826DE2" wp14:editId="5CBE3E35">
                  <wp:extent cx="2137144" cy="1873779"/>
                  <wp:effectExtent l="0" t="0" r="0" b="0"/>
                  <wp:docPr id="254" name="Picture 25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r>
              <w:rPr>
                <w:noProof/>
              </w:rPr>
              <w:drawing>
                <wp:inline distT="0" distB="0" distL="0" distR="0" wp14:anchorId="09655F8F" wp14:editId="110F9E6F">
                  <wp:extent cx="2137144" cy="1873779"/>
                  <wp:effectExtent l="0" t="0" r="0" b="0"/>
                  <wp:docPr id="255" name="Picture 25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1F3DC59E" wp14:editId="1FD30835">
                  <wp:extent cx="2137144" cy="1873779"/>
                  <wp:effectExtent l="0" t="0" r="0" b="0"/>
                  <wp:docPr id="59" name="Picture 5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DEE8981" wp14:editId="431E192B">
                  <wp:extent cx="2137144" cy="1873779"/>
                  <wp:effectExtent l="0" t="0" r="0" b="0"/>
                  <wp:docPr id="60" name="Picture 6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4B85179" wp14:editId="5E1A7A67">
                  <wp:extent cx="2137144" cy="1873779"/>
                  <wp:effectExtent l="0" t="0" r="0" b="0"/>
                  <wp:docPr id="104" name="Picture 10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8D6AD64" wp14:editId="1EC6A55B">
                  <wp:extent cx="2137144" cy="1873779"/>
                  <wp:effectExtent l="0" t="0" r="0" b="0"/>
                  <wp:docPr id="105" name="Picture 10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5C2473C" wp14:editId="4933A4F5">
                  <wp:extent cx="2137144" cy="1873779"/>
                  <wp:effectExtent l="0" t="0" r="0" b="0"/>
                  <wp:docPr id="108" name="Picture 10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D4C34E0" wp14:editId="4F956877">
                  <wp:extent cx="2137144" cy="1873779"/>
                  <wp:effectExtent l="0" t="0" r="0" b="0"/>
                  <wp:docPr id="165" name="Picture 16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1D57712" wp14:editId="6545BF35">
                  <wp:extent cx="2137144" cy="1873779"/>
                  <wp:effectExtent l="0" t="0" r="0" b="0"/>
                  <wp:docPr id="166" name="Picture 16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FC55402" wp14:editId="10349EF4">
                  <wp:extent cx="2137144" cy="1873779"/>
                  <wp:effectExtent l="0" t="0" r="0" b="0"/>
                  <wp:docPr id="173" name="Picture 17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DC2C265" wp14:editId="43A868AB">
                  <wp:extent cx="2137144" cy="1873779"/>
                  <wp:effectExtent l="0" t="0" r="0" b="0"/>
                  <wp:docPr id="197" name="Picture 19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C44901" wp14:editId="3B317FE2">
                  <wp:extent cx="2137144" cy="1873779"/>
                  <wp:effectExtent l="0" t="0" r="0" b="0"/>
                  <wp:docPr id="198" name="Picture 19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503D6BE" wp14:editId="2F522877">
                  <wp:extent cx="2137144" cy="1873779"/>
                  <wp:effectExtent l="0" t="0" r="0" b="0"/>
                  <wp:docPr id="256" name="Picture 25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DE73737" wp14:editId="2A3E3EF4">
                  <wp:extent cx="2137144" cy="1873779"/>
                  <wp:effectExtent l="0" t="0" r="0" b="0"/>
                  <wp:docPr id="257" name="Picture 25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101E7CA" wp14:editId="3125FF5C">
                  <wp:extent cx="2137144" cy="1873779"/>
                  <wp:effectExtent l="0" t="0" r="0" b="0"/>
                  <wp:docPr id="258" name="Picture 25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9C23122" wp14:editId="49E3AE7B">
                  <wp:extent cx="2137144" cy="1873779"/>
                  <wp:effectExtent l="0" t="0" r="0" b="0"/>
                  <wp:docPr id="259" name="Picture 25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EA98950" wp14:editId="090599BB">
                  <wp:extent cx="2137144" cy="1873779"/>
                  <wp:effectExtent l="0" t="0" r="0" b="0"/>
                  <wp:docPr id="260" name="Picture 26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  <w:vAlign w:val="center"/>
          </w:tcPr>
          <w:p w:rsidR="00955BC4" w:rsidRDefault="00955BC4" w:rsidP="00955BC4">
            <w:pPr>
              <w:jc w:val="center"/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75C7BDC" wp14:editId="3208A8D9">
                  <wp:extent cx="2138400" cy="1872000"/>
                  <wp:effectExtent l="0" t="0" r="0" b="0"/>
                  <wp:docPr id="276" name="Picture 276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77" name="Picture 277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78" name="Picture 278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79" name="Picture 279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0" name="Picture 280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1" name="Picture 281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2" name="Picture 282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3" name="Picture 283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4" name="Picture 284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bookmarkStart w:id="0" w:name="_GoBack"/>
        <w:bookmarkEnd w:id="0"/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5" name="Picture 285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6" name="Picture 286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7" name="Picture 287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55BC4" w:rsidTr="00955BC4">
        <w:tblPrEx>
          <w:jc w:val="left"/>
        </w:tblPrEx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8" name="Picture 288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89" name="Picture 289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955BC4" w:rsidRDefault="00955BC4" w:rsidP="003A3BE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C79783" wp14:editId="320C2521">
                  <wp:extent cx="2138400" cy="1872000"/>
                  <wp:effectExtent l="0" t="0" r="0" b="0"/>
                  <wp:docPr id="290" name="Picture 290" descr="C:\Users\s131752\Google Drive\2014-2015 Verkenners\Zomerkamp\Programmas\Levend Kolonisten van Catan\logos\noun_15130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15130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8400" cy="1872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736E29" w:rsidRDefault="00736E29"/>
    <w:sectPr w:rsidR="00736E29" w:rsidSect="00450043">
      <w:pgSz w:w="11907" w:h="16840" w:code="9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20"/>
  <w:drawingGridHorizontalSpacing w:val="110"/>
  <w:displayHorizontalDrawingGridEvery w:val="2"/>
  <w:displayVerticalDrawingGridEvery w:val="2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50043"/>
    <w:rsid w:val="0012677F"/>
    <w:rsid w:val="001F61C9"/>
    <w:rsid w:val="002A3FAE"/>
    <w:rsid w:val="00307BBC"/>
    <w:rsid w:val="00450043"/>
    <w:rsid w:val="006E27F9"/>
    <w:rsid w:val="00736E29"/>
    <w:rsid w:val="00955BC4"/>
    <w:rsid w:val="00AC5404"/>
    <w:rsid w:val="00B26FFF"/>
    <w:rsid w:val="00D8727F"/>
    <w:rsid w:val="00E23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4500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2A3F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A3FA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4500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2A3F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A3FA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png"/><Relationship Id="rId1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12" Type="http://schemas.openxmlformats.org/officeDocument/2006/relationships/image" Target="media/image7.png"/><Relationship Id="rId17" Type="http://schemas.openxmlformats.org/officeDocument/2006/relationships/image" Target="media/image12.png"/><Relationship Id="rId2" Type="http://schemas.openxmlformats.org/officeDocument/2006/relationships/styles" Target="styles.xml"/><Relationship Id="rId16" Type="http://schemas.openxmlformats.org/officeDocument/2006/relationships/image" Target="media/image11.png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6.png"/><Relationship Id="rId5" Type="http://schemas.openxmlformats.org/officeDocument/2006/relationships/webSettings" Target="webSettings.xml"/><Relationship Id="rId15" Type="http://schemas.openxmlformats.org/officeDocument/2006/relationships/image" Target="media/image10.png"/><Relationship Id="rId10" Type="http://schemas.openxmlformats.org/officeDocument/2006/relationships/image" Target="media/image5.png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4.png"/><Relationship Id="rId14" Type="http://schemas.openxmlformats.org/officeDocument/2006/relationships/image" Target="media/image9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20652A7-3874-4894-B77C-2C8BE5369EB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8</TotalTime>
  <Pages>23</Pages>
  <Words>97</Words>
  <Characters>558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5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.A.F. Derks</dc:creator>
  <cp:lastModifiedBy>G.A.F. Derks</cp:lastModifiedBy>
  <cp:revision>5</cp:revision>
  <cp:lastPrinted>2015-07-09T12:04:00Z</cp:lastPrinted>
  <dcterms:created xsi:type="dcterms:W3CDTF">2015-07-08T10:09:00Z</dcterms:created>
  <dcterms:modified xsi:type="dcterms:W3CDTF">2015-07-10T22:32:00Z</dcterms:modified>
</cp:coreProperties>
</file>